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8.xml" ContentType="application/vnd.openxmlformats-officedocument.presentationml.notesSlide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notesSlides/notesSlide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1"/>
  </p:notesMasterIdLst>
  <p:sldIdLst>
    <p:sldId id="343" r:id="rId2"/>
    <p:sldId id="352" r:id="rId3"/>
    <p:sldId id="348" r:id="rId4"/>
    <p:sldId id="353" r:id="rId5"/>
    <p:sldId id="354" r:id="rId6"/>
    <p:sldId id="356" r:id="rId7"/>
    <p:sldId id="355" r:id="rId8"/>
    <p:sldId id="357" r:id="rId9"/>
    <p:sldId id="351" r:id="rId10"/>
  </p:sldIdLst>
  <p:sldSz cx="12192000" cy="6858000"/>
  <p:notesSz cx="6858000" cy="9144000"/>
  <p:custDataLst>
    <p:tags r:id="rId12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660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1031233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495884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6146899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1887961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2182072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9301681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hyperlink" Target="mailto:dunia.sakr@nabadassociation.org" TargetMode="External"/><Relationship Id="rId3" Type="http://schemas.openxmlformats.org/officeDocument/2006/relationships/slideLayout" Target="../slideLayouts/slideLayout2.xml"/><Relationship Id="rId7" Type="http://schemas.openxmlformats.org/officeDocument/2006/relationships/hyperlink" Target="mailto:hussein.shouman@nabadassociation.org" TargetMode="Externa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hyperlink" Target="mailto:mohamad.hawi@nabadassociation.org" TargetMode="External"/><Relationship Id="rId5" Type="http://schemas.openxmlformats.org/officeDocument/2006/relationships/image" Target="../media/image1.png"/><Relationship Id="rId10" Type="http://schemas.openxmlformats.org/officeDocument/2006/relationships/image" Target="../media/image3.png"/><Relationship Id="rId4" Type="http://schemas.openxmlformats.org/officeDocument/2006/relationships/notesSlide" Target="../notesSlides/notesSlide2.xml"/><Relationship Id="rId9" Type="http://schemas.openxmlformats.org/officeDocument/2006/relationships/hyperlink" Target="javascript:window.open(%22https://ee-eu.kobotoolbox.org/x/aidAFQvS%22,%20%22_blank%22);" TargetMode="Externa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tel:+96179111538" TargetMode="Externa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8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21','_parent');" TargetMode="External"/><Relationship Id="rId2" Type="http://schemas.openxmlformats.org/officeDocument/2006/relationships/tags" Target="../tags/tag19.xml"/><Relationship Id="rId1" Type="http://schemas.openxmlformats.org/officeDocument/2006/relationships/tags" Target="../tags/tag1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1" y="1911926"/>
            <a:ext cx="7906469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porting Mechanism</a:t>
            </a: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547982" y="3211249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ow to repor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36790" y="884420"/>
            <a:ext cx="7636946" cy="4746770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porting mechanisms at NABAD:</a:t>
            </a: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- For staff:</a:t>
            </a: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  A. Focal points:</a:t>
            </a: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	- Mohamad Hawi reachable at 	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	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6"/>
              </a:rPr>
              <a:t>mohamad.hawi@nabadassociation.org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	- Hussein Shouman reachable at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	@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7"/>
              </a:rPr>
              <a:t>hussein.shouman@nabadassociation.org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	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-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unia</a:t>
            </a:r>
            <a:r>
              <a:rPr lang="en-US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akr</a:t>
            </a:r>
            <a:r>
              <a:rPr lang="en-US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achable at 	</a:t>
            </a:r>
            <a:endParaRPr lang="en-US" dirty="0" smtClean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      @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8"/>
              </a:rPr>
              <a:t>dunia.sakr@nabadassociation.org</a:t>
            </a:r>
            <a:endParaRPr lang="en-US" sz="2400" dirty="0" smtClean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lvl="1"/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B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 Anonymous reporting mechanism: </a:t>
            </a:r>
          </a:p>
          <a:p>
            <a:pPr lvl="1"/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	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9" action="ppaction://program"/>
              </a:rPr>
              <a:t>https://ee-eu.kobotoolbox.org/x/aidAFQvS 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10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71772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86702" y="3043004"/>
            <a:ext cx="3800485" cy="224852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or beneficiaries: </a:t>
            </a:r>
          </a:p>
          <a:p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elpline: </a:t>
            </a:r>
            <a:r>
              <a:rPr lang="en-US" sz="2800" dirty="0" err="1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akallam</a:t>
            </a: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:</a:t>
            </a:r>
          </a:p>
          <a:p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7"/>
              </a:rPr>
              <a:t>+</a:t>
            </a: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7"/>
              </a:rPr>
              <a:t>961 79 111 538</a:t>
            </a:r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705592" y="505372"/>
            <a:ext cx="6534658" cy="5822826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Let’s not try to understand the difference between reporting and referral.</a:t>
            </a:r>
          </a:p>
          <a:p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en there is a misconduct by a staff and you inform the organization, this is called reporting. If the person who survived the misconduct requires support, we refer him/her to the services. Let’s see together what that means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691219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5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0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2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3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740396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654903" y="1092195"/>
            <a:ext cx="7019173" cy="4673609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On another side, every survivor has the right to receive services of: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afety and protection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Medical care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sychosocial support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Education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Legal services, and/or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upport for children born as a result of sexual exploitation and abus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91470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942131" y="1813809"/>
            <a:ext cx="6444716" cy="299051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ese are not provided with every complaint. The provision of services is based on the needs of every person even before the outcome of the investigation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187533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82367" y="1648918"/>
            <a:ext cx="7164244" cy="388992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Example: if a woman comes forward to inform you she was raped. You cannot wait for the outcome of the investigation before referring her to post-rape care. However, if she does not need education, you do not provide it. You only refer her to the care needed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618594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ORM_PASSING_SCORE" val="80.000000"/>
  <p:tag name="ISPRING_ULTRA_SCORM_COURCE_TITLE" val="report_mechanism"/>
  <p:tag name="ISPRING_PRESENTATION_TITLE" val="report_mechanism"/>
  <p:tag name="ISPRING_RESOURCE_FOLDER" val="C:\Users\hp\Desktop\Projects\Nabad\Nabad\psea\en\lessons\report_mechanism"/>
  <p:tag name="ISPRING_PRESENTATION_PATH" val="C:\Users\hp\Desktop\Projects\Nabad\Nabad\psea\en\lessons\report_mechanism.pptx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REEN_RECS_UPDATED" val="C:\Users\hp\Desktop\Projects\Nabad\Nabad\psea\en\lessons\report_mechanism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RELATIVE_PATH" val="report_mechanism\quiz\quiz3.quiz"/>
  <p:tag name="GENSWF_SLIDE_UID" val="{6147B98F-14E5-4C63-995B-CE80790F0287}:354"/>
  <p:tag name="ISPRING_QUIZ_FULL_PATH" val="C:\Users\hp\Desktop\Projects\Nabad\Nabad\psea\en\lessons\report_mechanism\quiz\quiz3.quiz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ABD2D3FA-2BDC-4300-8269-2CE38AD23B34}:356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B300C4E7-9CE8-4F6B-873A-F99F72613F50}:355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2FECEA38-BE44-4D93-9723-CEE1D85C5F7C}:357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0E943B07-3DCD-44BF-8FA7-D50F0E1997EF}:352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70390766-1372-402E-AAC3-34CEF4DA18B8}:353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9253</TotalTime>
  <Words>234</Words>
  <Application>Microsoft Office PowerPoint</Application>
  <PresentationFormat>Widescreen</PresentationFormat>
  <Paragraphs>38</Paragraphs>
  <Slides>9</Slides>
  <Notes>9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9</vt:i4>
      </vt:variant>
    </vt:vector>
  </HeadingPairs>
  <TitlesOfParts>
    <vt:vector size="16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report_mechanism</dc:title>
  <dc:creator>pc</dc:creator>
  <cp:lastModifiedBy>Maher</cp:lastModifiedBy>
  <cp:revision>812</cp:revision>
  <dcterms:created xsi:type="dcterms:W3CDTF">2022-11-16T16:05:09Z</dcterms:created>
  <dcterms:modified xsi:type="dcterms:W3CDTF">2024-09-23T12:51:22Z</dcterms:modified>
</cp:coreProperties>
</file>